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/>
  <mc:AlternateContent xmlns:mc="http://schemas.openxmlformats.org/markup-compatibility/2006">
    <mc:Choice Requires="x15">
      <x15ac:absPath xmlns:x15ac="http://schemas.microsoft.com/office/spreadsheetml/2010/11/ac" url="D:\吉倉デスクトップ\temp\PSP\pierson1\s10\KaraDB\Excell\"/>
    </mc:Choice>
  </mc:AlternateContent>
  <xr:revisionPtr revIDLastSave="0" documentId="13_ncr:1_{15B05541-7845-457C-AD1D-51B5EA966235}" xr6:coauthVersionLast="36" xr6:coauthVersionMax="47" xr10:uidLastSave="{00000000-0000-0000-0000-000000000000}"/>
  <bookViews>
    <workbookView xWindow="1260" yWindow="2175" windowWidth="23670" windowHeight="12750" activeTab="1" xr2:uid="{00000000-000D-0000-FFFF-FFFF00000000}"/>
  </bookViews>
  <sheets>
    <sheet name="BusinessTicket" sheetId="1" r:id="rId1"/>
    <sheet name="Sheet1" sheetId="2" r:id="rId2"/>
  </sheets>
  <calcPr calcId="0"/>
</workbook>
</file>

<file path=xl/sharedStrings.xml><?xml version="1.0" encoding="utf-8"?>
<sst xmlns="http://schemas.openxmlformats.org/spreadsheetml/2006/main" count="49" uniqueCount="23">
  <si>
    <t>ID</t>
  </si>
  <si>
    <t>BusinessID</t>
  </si>
  <si>
    <t>DataID</t>
  </si>
  <si>
    <t>Name</t>
  </si>
  <si>
    <t>Flag</t>
  </si>
  <si>
    <t>TypeFlag</t>
  </si>
  <si>
    <t>Kind</t>
  </si>
  <si>
    <t>Val</t>
  </si>
  <si>
    <t>Kubun</t>
  </si>
  <si>
    <t>GroupCode</t>
  </si>
  <si>
    <t>Data</t>
  </si>
  <si>
    <t>AccData</t>
  </si>
  <si>
    <t>Count</t>
  </si>
  <si>
    <t>SubID</t>
  </si>
  <si>
    <t>ID</t>
    <phoneticPr fontId="18"/>
  </si>
  <si>
    <t>TERMINATOR</t>
    <phoneticPr fontId="18"/>
  </si>
  <si>
    <t>MAX_LENGTH</t>
    <phoneticPr fontId="18"/>
  </si>
  <si>
    <t>COLLATION</t>
    <phoneticPr fontId="18"/>
  </si>
  <si>
    <t>SOURCE</t>
    <phoneticPr fontId="18"/>
  </si>
  <si>
    <t>NAME</t>
    <phoneticPr fontId="18"/>
  </si>
  <si>
    <t>,</t>
  </si>
  <si>
    <t>Japanese_CI_AS</t>
  </si>
  <si>
    <t>\r\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theme="4" tint="0.79998168889431442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33" borderId="10" xfId="0" applyNumberFormat="1" applyFill="1" applyBorder="1">
      <alignment vertical="center"/>
    </xf>
    <xf numFmtId="49" fontId="0" fillId="0" borderId="10" xfId="0" applyNumberFormat="1" applyBorder="1">
      <alignment vertical="center"/>
    </xf>
    <xf numFmtId="49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F84344EB-B5E7-434E-AC88-A07D7E086766}" name="テーブル1" displayName="テーブル1" ref="A1:F29" totalsRowShown="0">
  <autoFilter ref="A1:F29" xr:uid="{E6D6A343-71DD-49EB-99AA-4E90A42842C2}"/>
  <tableColumns count="6">
    <tableColumn id="1" xr3:uid="{F9885780-C1A6-41D3-A02D-DF1B420F5973}" name="ID"/>
    <tableColumn id="2" xr3:uid="{E678B25F-CB3F-4C20-8813-ADD77D856F92}" name="TERMINATOR"/>
    <tableColumn id="3" xr3:uid="{6A0F5721-669B-4783-A4D0-3ACBDAB3B01C}" name="MAX_LENGTH"/>
    <tableColumn id="4" xr3:uid="{8905C472-5E24-418A-8B2D-ED6814C5AD3A}" name="COLLATION"/>
    <tableColumn id="5" xr3:uid="{05396C06-4BAE-425A-8586-0F989B49F915}" name="SOURCE"/>
    <tableColumn id="6" xr3:uid="{C9F7414A-49D3-42D0-9993-F2A8838512B6}" name="NAME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"/>
  <sheetViews>
    <sheetView workbookViewId="0">
      <selection sqref="A1:N1"/>
    </sheetView>
  </sheetViews>
  <sheetFormatPr defaultRowHeight="18.75" x14ac:dyDescent="0.4"/>
  <sheetData>
    <row r="1" spans="1:14" x14ac:dyDescent="0.4">
      <c r="A1" s="1" t="s">
        <v>0</v>
      </c>
      <c r="B1" s="2" t="s">
        <v>1</v>
      </c>
      <c r="C1" s="1" t="s">
        <v>2</v>
      </c>
      <c r="D1" s="2" t="s">
        <v>3</v>
      </c>
      <c r="E1" s="1" t="s">
        <v>4</v>
      </c>
      <c r="F1" s="2" t="s">
        <v>5</v>
      </c>
      <c r="G1" s="1" t="s">
        <v>6</v>
      </c>
      <c r="H1" s="2" t="s">
        <v>7</v>
      </c>
      <c r="I1" s="1" t="s">
        <v>8</v>
      </c>
      <c r="J1" s="2" t="s">
        <v>9</v>
      </c>
      <c r="K1" s="1" t="s">
        <v>10</v>
      </c>
      <c r="L1" s="2" t="s">
        <v>11</v>
      </c>
      <c r="M1" s="1" t="s">
        <v>12</v>
      </c>
      <c r="N1" s="2" t="s">
        <v>13</v>
      </c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29"/>
  <sheetViews>
    <sheetView tabSelected="1" workbookViewId="0">
      <selection sqref="A1:F29"/>
    </sheetView>
  </sheetViews>
  <sheetFormatPr defaultRowHeight="18.75" x14ac:dyDescent="0.4"/>
  <sheetData>
    <row r="1" spans="1:6" x14ac:dyDescent="0.4">
      <c r="A1" t="s">
        <v>14</v>
      </c>
      <c r="B1" t="s">
        <v>15</v>
      </c>
      <c r="C1" t="s">
        <v>16</v>
      </c>
      <c r="D1" t="s">
        <v>17</v>
      </c>
      <c r="E1" t="s">
        <v>18</v>
      </c>
      <c r="F1" t="s">
        <v>19</v>
      </c>
    </row>
    <row r="2" spans="1:6" x14ac:dyDescent="0.4">
      <c r="A2">
        <v>1</v>
      </c>
      <c r="B2" s="3" t="s">
        <v>20</v>
      </c>
      <c r="C2">
        <v>12</v>
      </c>
      <c r="D2" s="3"/>
      <c r="F2" s="3"/>
    </row>
    <row r="3" spans="1:6" x14ac:dyDescent="0.4">
      <c r="A3">
        <v>2</v>
      </c>
      <c r="B3" s="3" t="s">
        <v>20</v>
      </c>
      <c r="C3">
        <v>12</v>
      </c>
      <c r="D3" s="3"/>
      <c r="F3" s="3"/>
    </row>
    <row r="4" spans="1:6" x14ac:dyDescent="0.4">
      <c r="A4">
        <v>3</v>
      </c>
      <c r="B4" s="3" t="s">
        <v>20</v>
      </c>
      <c r="C4">
        <v>12</v>
      </c>
      <c r="D4" s="3"/>
      <c r="F4" s="3"/>
    </row>
    <row r="5" spans="1:6" x14ac:dyDescent="0.4">
      <c r="A5">
        <v>4</v>
      </c>
      <c r="B5" s="3" t="s">
        <v>20</v>
      </c>
      <c r="C5">
        <v>30</v>
      </c>
      <c r="D5" s="3" t="s">
        <v>21</v>
      </c>
      <c r="F5" s="3"/>
    </row>
    <row r="6" spans="1:6" x14ac:dyDescent="0.4">
      <c r="A6">
        <v>5</v>
      </c>
      <c r="B6" s="3" t="s">
        <v>20</v>
      </c>
      <c r="C6">
        <v>12</v>
      </c>
      <c r="D6" s="3"/>
      <c r="F6" s="3"/>
    </row>
    <row r="7" spans="1:6" x14ac:dyDescent="0.4">
      <c r="A7">
        <v>6</v>
      </c>
      <c r="B7" s="3" t="s">
        <v>20</v>
      </c>
      <c r="C7">
        <v>12</v>
      </c>
      <c r="D7" s="3"/>
      <c r="F7" s="3"/>
    </row>
    <row r="8" spans="1:6" x14ac:dyDescent="0.4">
      <c r="A8">
        <v>7</v>
      </c>
      <c r="B8" s="3" t="s">
        <v>20</v>
      </c>
      <c r="C8">
        <v>12</v>
      </c>
      <c r="D8" s="3"/>
      <c r="F8" s="3"/>
    </row>
    <row r="9" spans="1:6" x14ac:dyDescent="0.4">
      <c r="A9">
        <v>8</v>
      </c>
      <c r="B9" s="3" t="s">
        <v>20</v>
      </c>
      <c r="C9">
        <v>12</v>
      </c>
      <c r="D9" s="3"/>
      <c r="F9" s="3"/>
    </row>
    <row r="10" spans="1:6" x14ac:dyDescent="0.4">
      <c r="A10">
        <v>9</v>
      </c>
      <c r="B10" s="3" t="s">
        <v>20</v>
      </c>
      <c r="C10">
        <v>12</v>
      </c>
      <c r="D10" s="3"/>
      <c r="F10" s="3"/>
    </row>
    <row r="11" spans="1:6" x14ac:dyDescent="0.4">
      <c r="A11">
        <v>10</v>
      </c>
      <c r="B11" s="3" t="s">
        <v>20</v>
      </c>
      <c r="C11">
        <v>12</v>
      </c>
      <c r="D11" s="3"/>
      <c r="F11" s="3"/>
    </row>
    <row r="12" spans="1:6" x14ac:dyDescent="0.4">
      <c r="A12">
        <v>11</v>
      </c>
      <c r="B12" s="3" t="s">
        <v>20</v>
      </c>
      <c r="C12">
        <v>12</v>
      </c>
      <c r="D12" s="3"/>
      <c r="F12" s="3"/>
    </row>
    <row r="13" spans="1:6" x14ac:dyDescent="0.4">
      <c r="A13">
        <v>12</v>
      </c>
      <c r="B13" s="3" t="s">
        <v>20</v>
      </c>
      <c r="C13">
        <v>12</v>
      </c>
      <c r="D13" s="3"/>
      <c r="F13" s="3"/>
    </row>
    <row r="14" spans="1:6" x14ac:dyDescent="0.4">
      <c r="A14">
        <v>13</v>
      </c>
      <c r="B14" s="3" t="s">
        <v>20</v>
      </c>
      <c r="C14">
        <v>12</v>
      </c>
      <c r="D14" s="3"/>
      <c r="F14" s="3"/>
    </row>
    <row r="15" spans="1:6" x14ac:dyDescent="0.4">
      <c r="A15">
        <v>14</v>
      </c>
      <c r="B15" s="3" t="s">
        <v>22</v>
      </c>
      <c r="C15">
        <v>12</v>
      </c>
      <c r="D15" s="3"/>
      <c r="F15" s="3"/>
    </row>
    <row r="16" spans="1:6" x14ac:dyDescent="0.4">
      <c r="B16" s="3"/>
      <c r="D16" s="3"/>
      <c r="E16">
        <v>1</v>
      </c>
      <c r="F16" s="3" t="s">
        <v>0</v>
      </c>
    </row>
    <row r="17" spans="2:6" x14ac:dyDescent="0.4">
      <c r="B17" s="3"/>
      <c r="D17" s="3"/>
      <c r="E17">
        <v>2</v>
      </c>
      <c r="F17" s="3" t="s">
        <v>1</v>
      </c>
    </row>
    <row r="18" spans="2:6" x14ac:dyDescent="0.4">
      <c r="B18" s="3"/>
      <c r="D18" s="3"/>
      <c r="E18">
        <v>3</v>
      </c>
      <c r="F18" s="3" t="s">
        <v>2</v>
      </c>
    </row>
    <row r="19" spans="2:6" x14ac:dyDescent="0.4">
      <c r="B19" s="3"/>
      <c r="D19" s="3"/>
      <c r="E19">
        <v>4</v>
      </c>
      <c r="F19" s="3" t="s">
        <v>3</v>
      </c>
    </row>
    <row r="20" spans="2:6" x14ac:dyDescent="0.4">
      <c r="B20" s="3"/>
      <c r="D20" s="3"/>
      <c r="E20">
        <v>5</v>
      </c>
      <c r="F20" s="3" t="s">
        <v>4</v>
      </c>
    </row>
    <row r="21" spans="2:6" x14ac:dyDescent="0.4">
      <c r="B21" s="3"/>
      <c r="D21" s="3"/>
      <c r="E21">
        <v>6</v>
      </c>
      <c r="F21" s="3" t="s">
        <v>5</v>
      </c>
    </row>
    <row r="22" spans="2:6" x14ac:dyDescent="0.4">
      <c r="B22" s="3"/>
      <c r="D22" s="3"/>
      <c r="E22">
        <v>7</v>
      </c>
      <c r="F22" s="3" t="s">
        <v>6</v>
      </c>
    </row>
    <row r="23" spans="2:6" x14ac:dyDescent="0.4">
      <c r="B23" s="3"/>
      <c r="D23" s="3"/>
      <c r="E23">
        <v>8</v>
      </c>
      <c r="F23" s="3" t="s">
        <v>7</v>
      </c>
    </row>
    <row r="24" spans="2:6" x14ac:dyDescent="0.4">
      <c r="B24" s="3"/>
      <c r="D24" s="3"/>
      <c r="E24">
        <v>9</v>
      </c>
      <c r="F24" s="3" t="s">
        <v>8</v>
      </c>
    </row>
    <row r="25" spans="2:6" x14ac:dyDescent="0.4">
      <c r="B25" s="3"/>
      <c r="D25" s="3"/>
      <c r="E25">
        <v>10</v>
      </c>
      <c r="F25" s="3" t="s">
        <v>9</v>
      </c>
    </row>
    <row r="26" spans="2:6" x14ac:dyDescent="0.4">
      <c r="B26" s="3"/>
      <c r="D26" s="3"/>
      <c r="E26">
        <v>11</v>
      </c>
      <c r="F26" s="3" t="s">
        <v>10</v>
      </c>
    </row>
    <row r="27" spans="2:6" x14ac:dyDescent="0.4">
      <c r="B27" s="3"/>
      <c r="D27" s="3"/>
      <c r="E27">
        <v>12</v>
      </c>
      <c r="F27" s="3" t="s">
        <v>11</v>
      </c>
    </row>
    <row r="28" spans="2:6" x14ac:dyDescent="0.4">
      <c r="B28" s="3"/>
      <c r="D28" s="3"/>
      <c r="E28">
        <v>13</v>
      </c>
      <c r="F28" s="3" t="s">
        <v>12</v>
      </c>
    </row>
    <row r="29" spans="2:6" x14ac:dyDescent="0.4">
      <c r="B29" s="3"/>
      <c r="D29" s="3"/>
      <c r="E29">
        <v>14</v>
      </c>
      <c r="F29" s="3" t="s">
        <v>13</v>
      </c>
    </row>
  </sheetData>
  <phoneticPr fontId="18"/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BusinessTicket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JI</dc:creator>
  <cp:lastModifiedBy>YOSHIKURA</cp:lastModifiedBy>
  <dcterms:created xsi:type="dcterms:W3CDTF">2024-02-22T11:19:33Z</dcterms:created>
  <dcterms:modified xsi:type="dcterms:W3CDTF">2024-02-26T04:22:13Z</dcterms:modified>
</cp:coreProperties>
</file>